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6</definedName>
  </definedNames>
  <calcPr calcId="152511" calcMode="manual"/>
</workbook>
</file>

<file path=xl/sharedStrings.xml><?xml version="1.0" encoding="utf-8"?>
<sst xmlns="http://schemas.openxmlformats.org/spreadsheetml/2006/main" count="1172" uniqueCount="888">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054</t>
    <phoneticPr fontId="1"/>
  </si>
  <si>
    <t>瀬谷</t>
    <rPh sb="0" eb="2">
      <t>セヤ</t>
    </rPh>
    <phoneticPr fontId="1"/>
  </si>
  <si>
    <t>007</t>
    <phoneticPr fontId="1"/>
  </si>
  <si>
    <t>宗教別おもてなしマニュアル</t>
    <rPh sb="0" eb="2">
      <t>シュウキョウ</t>
    </rPh>
    <rPh sb="2" eb="3">
      <t>ベツ</t>
    </rPh>
    <phoneticPr fontId="1"/>
  </si>
  <si>
    <t>島田裕巳</t>
    <rPh sb="0" eb="2">
      <t>シマダ</t>
    </rPh>
    <rPh sb="2" eb="3">
      <t>ユウ</t>
    </rPh>
    <rPh sb="3" eb="4">
      <t>ミ</t>
    </rPh>
    <phoneticPr fontId="1"/>
  </si>
  <si>
    <t>中央公論新社</t>
    <rPh sb="0" eb="2">
      <t>チュウオウ</t>
    </rPh>
    <rPh sb="2" eb="4">
      <t>コウロン</t>
    </rPh>
    <rPh sb="4" eb="6">
      <t>シンシャ</t>
    </rPh>
    <phoneticPr fontId="1"/>
  </si>
  <si>
    <t>はじめてのAI</t>
    <phoneticPr fontId="1"/>
  </si>
  <si>
    <t>土屋誠司</t>
    <rPh sb="0" eb="2">
      <t>ツチヤ</t>
    </rPh>
    <rPh sb="2" eb="3">
      <t>マコト</t>
    </rPh>
    <rPh sb="3" eb="4">
      <t>ツカサ</t>
    </rPh>
    <phoneticPr fontId="1"/>
  </si>
  <si>
    <t>創元社</t>
    <rPh sb="0" eb="2">
      <t>ソウゲン</t>
    </rPh>
    <rPh sb="2" eb="3">
      <t>シャ</t>
    </rPh>
    <phoneticPr fontId="1"/>
  </si>
  <si>
    <t>分かりやすい事例やイラスト、図、写真を使って優しく解説するAIの入門書。</t>
    <rPh sb="0" eb="1">
      <t>ワ</t>
    </rPh>
    <rPh sb="6" eb="8">
      <t>ジレイ</t>
    </rPh>
    <rPh sb="14" eb="15">
      <t>ズ</t>
    </rPh>
    <rPh sb="16" eb="18">
      <t>シャシン</t>
    </rPh>
    <rPh sb="19" eb="20">
      <t>ツカ</t>
    </rPh>
    <rPh sb="22" eb="23">
      <t>ヤサ</t>
    </rPh>
    <rPh sb="25" eb="27">
      <t>カイセツ</t>
    </rPh>
    <rPh sb="32" eb="35">
      <t>ニュウモンショ</t>
    </rPh>
    <phoneticPr fontId="1"/>
  </si>
  <si>
    <t>835</t>
    <phoneticPr fontId="1"/>
  </si>
  <si>
    <t>913</t>
    <phoneticPr fontId="1"/>
  </si>
  <si>
    <t>あめつちのうた</t>
    <phoneticPr fontId="1"/>
  </si>
  <si>
    <t>講談社</t>
    <rPh sb="0" eb="3">
      <t>コウダンシャ</t>
    </rPh>
    <phoneticPr fontId="1"/>
  </si>
  <si>
    <t>朝日新聞出版</t>
    <phoneticPr fontId="1"/>
  </si>
  <si>
    <t>686</t>
    <phoneticPr fontId="1"/>
  </si>
  <si>
    <t>596</t>
    <phoneticPr fontId="1"/>
  </si>
  <si>
    <t>野菜が長持ち＆使い切るコツ、教えます！</t>
    <phoneticPr fontId="1"/>
  </si>
  <si>
    <t>島本美由紀</t>
    <phoneticPr fontId="1"/>
  </si>
  <si>
    <t>食品ロスが問題とされる今、無駄にならないように工夫できるコツがわかる。</t>
    <phoneticPr fontId="1"/>
  </si>
  <si>
    <t>朝倉宏景</t>
    <phoneticPr fontId="1"/>
  </si>
  <si>
    <t>野球の聖地、甲子園の整備を請け負い、その仕事は神整備と言われる阪神園芸を舞台にしたフィクション。主人公の成長とともに、スポーツを支える人たちの姿を感じ取ることができる物語。</t>
    <phoneticPr fontId="1"/>
  </si>
  <si>
    <t>ヘミングウェイで学ぶ英文法</t>
    <phoneticPr fontId="1"/>
  </si>
  <si>
    <t>アスク出版</t>
    <phoneticPr fontId="1"/>
  </si>
  <si>
    <t>ヘミングウェイの短編を通して、英文法に関する知識を深めながら、作品を味わう英語学習書。</t>
    <phoneticPr fontId="1"/>
  </si>
  <si>
    <t>780</t>
    <phoneticPr fontId="1"/>
  </si>
  <si>
    <t>見えないスポーツ図鑑</t>
    <phoneticPr fontId="1"/>
  </si>
  <si>
    <t>晶文社</t>
    <phoneticPr fontId="1"/>
  </si>
  <si>
    <t>910</t>
    <phoneticPr fontId="1"/>
  </si>
  <si>
    <t>KSTプロダクション</t>
    <phoneticPr fontId="1"/>
  </si>
  <si>
    <t>柴田純子</t>
    <phoneticPr fontId="1"/>
  </si>
  <si>
    <t>古典が苦手という人におススメ。かわいいマンガで端的にわかりやすく作品を紹介。古典の内容理解になる1冊。</t>
    <phoneticPr fontId="1"/>
  </si>
  <si>
    <t>相鉄大全</t>
    <phoneticPr fontId="1"/>
  </si>
  <si>
    <t>辰巳出版</t>
    <phoneticPr fontId="1"/>
  </si>
  <si>
    <t>身近な鉄道、相模鉄道。誕生から100年を超えたその歴史とこれから、車両や駅、そして沿線のことを紹介する1冊。</t>
    <phoneticPr fontId="1"/>
  </si>
  <si>
    <t>ルポ　トラックドライバー</t>
    <phoneticPr fontId="1"/>
  </si>
  <si>
    <t>オルタネート</t>
    <phoneticPr fontId="1"/>
  </si>
  <si>
    <t>加藤シゲアキ</t>
    <phoneticPr fontId="1"/>
  </si>
  <si>
    <t>新潮社</t>
    <phoneticPr fontId="1"/>
  </si>
  <si>
    <t>685</t>
    <phoneticPr fontId="1"/>
  </si>
  <si>
    <t>通販など消費者が便利に利用する一方で、そのための物流を支えるトラックドライバーの労働現場は過酷なものとなっている。その実態に迫るルポルタージュ。</t>
    <phoneticPr fontId="1"/>
  </si>
  <si>
    <t>388</t>
    <phoneticPr fontId="1"/>
  </si>
  <si>
    <t>加門七海の鬼神伝説</t>
    <phoneticPr fontId="1"/>
  </si>
  <si>
    <t>加門七海</t>
    <phoneticPr fontId="1"/>
  </si>
  <si>
    <t>男女格差後進国の衝撃</t>
    <rPh sb="0" eb="2">
      <t>ダンジョ</t>
    </rPh>
    <rPh sb="2" eb="4">
      <t>カクサ</t>
    </rPh>
    <rPh sb="4" eb="6">
      <t>コウシン</t>
    </rPh>
    <rPh sb="6" eb="7">
      <t>コク</t>
    </rPh>
    <rPh sb="8" eb="10">
      <t>ショウゲキ</t>
    </rPh>
    <phoneticPr fontId="1"/>
  </si>
  <si>
    <t>治部れんげ</t>
    <rPh sb="0" eb="1">
      <t>オサ</t>
    </rPh>
    <rPh sb="1" eb="2">
      <t>ブ</t>
    </rPh>
    <phoneticPr fontId="1"/>
  </si>
  <si>
    <t>小学館</t>
    <rPh sb="0" eb="3">
      <t>ショウガッカン</t>
    </rPh>
    <phoneticPr fontId="1"/>
  </si>
  <si>
    <t>高校古文こういう話</t>
    <rPh sb="0" eb="2">
      <t>コウコウ</t>
    </rPh>
    <rPh sb="2" eb="4">
      <t>コブン</t>
    </rPh>
    <rPh sb="8" eb="9">
      <t>ハナシ</t>
    </rPh>
    <phoneticPr fontId="1"/>
  </si>
  <si>
    <t>367</t>
    <phoneticPr fontId="1"/>
  </si>
  <si>
    <t>先進国で男女格差が最下位となっている日本。日本で男女格差が縮まらないのはなぜか。問題点や今後できることを考える一冊。</t>
    <phoneticPr fontId="1"/>
  </si>
  <si>
    <t>210</t>
    <phoneticPr fontId="1"/>
  </si>
  <si>
    <t>816</t>
    <phoneticPr fontId="1"/>
  </si>
  <si>
    <t>レポート・論文をさらによくする引用ガイド</t>
    <rPh sb="5" eb="7">
      <t>ロンブン</t>
    </rPh>
    <rPh sb="15" eb="17">
      <t>インヨウ</t>
    </rPh>
    <phoneticPr fontId="1"/>
  </si>
  <si>
    <t>佐渡島紗織他</t>
    <rPh sb="0" eb="3">
      <t>サドシマ</t>
    </rPh>
    <rPh sb="3" eb="4">
      <t>サ</t>
    </rPh>
    <rPh sb="4" eb="5">
      <t>オリ</t>
    </rPh>
    <rPh sb="5" eb="6">
      <t>ホカ</t>
    </rPh>
    <phoneticPr fontId="1"/>
  </si>
  <si>
    <t>大修館</t>
    <rPh sb="0" eb="3">
      <t>タイシュウカン</t>
    </rPh>
    <phoneticPr fontId="1"/>
  </si>
  <si>
    <t>709</t>
    <phoneticPr fontId="1"/>
  </si>
  <si>
    <t>国宝の解剖図鑑</t>
    <rPh sb="0" eb="2">
      <t>コクホウ</t>
    </rPh>
    <rPh sb="3" eb="5">
      <t>カイボウ</t>
    </rPh>
    <rPh sb="5" eb="7">
      <t>ズカン</t>
    </rPh>
    <phoneticPr fontId="1"/>
  </si>
  <si>
    <t>佐藤晃子</t>
    <rPh sb="0" eb="2">
      <t>サトウ</t>
    </rPh>
    <rPh sb="2" eb="4">
      <t>アキコ</t>
    </rPh>
    <phoneticPr fontId="1"/>
  </si>
  <si>
    <t>エクスナレッジ</t>
    <phoneticPr fontId="1"/>
  </si>
  <si>
    <t>本校の学校教育目標にもある多様で柔軟な教育活動等の推進に役立つもの、そして生徒一人ひとりが興味・関心を広げられるようなものという視点で、令和2年度に受け入れた本校の書籍の中から、様々なジャンルの本を選びました。</t>
    <rPh sb="0" eb="2">
      <t>ホンコウ</t>
    </rPh>
    <rPh sb="3" eb="5">
      <t>ガッコウ</t>
    </rPh>
    <rPh sb="5" eb="7">
      <t>キョウイク</t>
    </rPh>
    <rPh sb="7" eb="9">
      <t>モクヒョウ</t>
    </rPh>
    <rPh sb="13" eb="15">
      <t>タヨウ</t>
    </rPh>
    <rPh sb="16" eb="18">
      <t>ジュウナン</t>
    </rPh>
    <rPh sb="19" eb="21">
      <t>キョウイク</t>
    </rPh>
    <rPh sb="21" eb="23">
      <t>カツドウ</t>
    </rPh>
    <rPh sb="23" eb="24">
      <t>トウ</t>
    </rPh>
    <rPh sb="25" eb="27">
      <t>スイシン</t>
    </rPh>
    <rPh sb="28" eb="30">
      <t>ヤクダ</t>
    </rPh>
    <rPh sb="37" eb="39">
      <t>セイト</t>
    </rPh>
    <rPh sb="39" eb="41">
      <t>ヒトリ</t>
    </rPh>
    <rPh sb="45" eb="47">
      <t>キョウミ</t>
    </rPh>
    <rPh sb="48" eb="50">
      <t>カンシン</t>
    </rPh>
    <rPh sb="51" eb="52">
      <t>ヒロ</t>
    </rPh>
    <rPh sb="64" eb="66">
      <t>シテン</t>
    </rPh>
    <rPh sb="68" eb="70">
      <t>レイワ</t>
    </rPh>
    <rPh sb="71" eb="73">
      <t>ネンド</t>
    </rPh>
    <rPh sb="74" eb="75">
      <t>ウ</t>
    </rPh>
    <rPh sb="76" eb="77">
      <t>イ</t>
    </rPh>
    <rPh sb="79" eb="81">
      <t>ホンコウ</t>
    </rPh>
    <rPh sb="82" eb="84">
      <t>ショセキ</t>
    </rPh>
    <rPh sb="85" eb="86">
      <t>ナカ</t>
    </rPh>
    <rPh sb="89" eb="91">
      <t>サマザマ</t>
    </rPh>
    <rPh sb="97" eb="98">
      <t>ホン</t>
    </rPh>
    <rPh sb="99" eb="100">
      <t>エラ</t>
    </rPh>
    <phoneticPr fontId="1"/>
  </si>
  <si>
    <t>高校生だけが利用できるマッチングアプリ「オルタネート」。東京の高校を舞台にオルタネートを通じて悩みながらも人と繋がることを考えていく物語。</t>
    <phoneticPr fontId="1"/>
  </si>
  <si>
    <t>その人が信仰する宗教によってタブーは様々。おもてなしする上で気を付けたいポイントを宗教ごとに解説。</t>
    <rPh sb="2" eb="3">
      <t>ヒト</t>
    </rPh>
    <rPh sb="4" eb="6">
      <t>シンコウ</t>
    </rPh>
    <rPh sb="8" eb="10">
      <t>シュウキョウ</t>
    </rPh>
    <rPh sb="18" eb="20">
      <t>サマザマ</t>
    </rPh>
    <rPh sb="28" eb="29">
      <t>ウエ</t>
    </rPh>
    <rPh sb="30" eb="31">
      <t>キ</t>
    </rPh>
    <rPh sb="32" eb="33">
      <t>ツ</t>
    </rPh>
    <rPh sb="41" eb="43">
      <t>シュウキョウ</t>
    </rPh>
    <rPh sb="46" eb="48">
      <t>カイセツ</t>
    </rPh>
    <phoneticPr fontId="1"/>
  </si>
  <si>
    <t>一冊でわかる戦国時代</t>
    <rPh sb="0" eb="2">
      <t>イッサツ</t>
    </rPh>
    <rPh sb="6" eb="8">
      <t>センゴク</t>
    </rPh>
    <rPh sb="8" eb="10">
      <t>ジダイ</t>
    </rPh>
    <phoneticPr fontId="1"/>
  </si>
  <si>
    <t>河出書房新社</t>
    <rPh sb="0" eb="6">
      <t>カワデショボウシンシャ</t>
    </rPh>
    <phoneticPr fontId="1"/>
  </si>
  <si>
    <t>戦国時代とはどんな時代なのか。その歴史を同時代の世界史の出来事にも目を向けながら、解説。</t>
    <rPh sb="0" eb="2">
      <t>センゴク</t>
    </rPh>
    <rPh sb="2" eb="4">
      <t>ジダイ</t>
    </rPh>
    <rPh sb="9" eb="11">
      <t>ジダイ</t>
    </rPh>
    <rPh sb="17" eb="19">
      <t>レキシ</t>
    </rPh>
    <rPh sb="20" eb="23">
      <t>ドウジダイ</t>
    </rPh>
    <rPh sb="24" eb="27">
      <t>セカイシ</t>
    </rPh>
    <rPh sb="28" eb="31">
      <t>デキゴト</t>
    </rPh>
    <rPh sb="33" eb="34">
      <t>メ</t>
    </rPh>
    <rPh sb="35" eb="36">
      <t>ム</t>
    </rPh>
    <rPh sb="41" eb="43">
      <t>カイセツ</t>
    </rPh>
    <phoneticPr fontId="1"/>
  </si>
  <si>
    <t>様々なジャンルの国宝を取り上げ、その見どころなどを紹介。国宝に関する初歩的なポイントもわかる。</t>
    <rPh sb="0" eb="2">
      <t>サマザマ</t>
    </rPh>
    <rPh sb="8" eb="10">
      <t>コクホウ</t>
    </rPh>
    <rPh sb="11" eb="12">
      <t>ト</t>
    </rPh>
    <rPh sb="13" eb="14">
      <t>ア</t>
    </rPh>
    <rPh sb="18" eb="19">
      <t>ミ</t>
    </rPh>
    <rPh sb="25" eb="27">
      <t>ショウカイ</t>
    </rPh>
    <rPh sb="28" eb="30">
      <t>コクホウ</t>
    </rPh>
    <rPh sb="31" eb="32">
      <t>カン</t>
    </rPh>
    <rPh sb="34" eb="37">
      <t>ショホテキ</t>
    </rPh>
    <phoneticPr fontId="1"/>
  </si>
  <si>
    <t>レポートや論文を書く時に必要な引用の方法やその意義を解説。</t>
    <rPh sb="5" eb="7">
      <t>ロンブン</t>
    </rPh>
    <rPh sb="8" eb="9">
      <t>カ</t>
    </rPh>
    <rPh sb="10" eb="11">
      <t>トキ</t>
    </rPh>
    <rPh sb="12" eb="14">
      <t>ヒツヨウ</t>
    </rPh>
    <rPh sb="15" eb="17">
      <t>インヨウ</t>
    </rPh>
    <rPh sb="18" eb="20">
      <t>ホウホウ</t>
    </rPh>
    <rPh sb="23" eb="25">
      <t>イギ</t>
    </rPh>
    <rPh sb="26" eb="28">
      <t>カイセツ</t>
    </rPh>
    <phoneticPr fontId="1"/>
  </si>
  <si>
    <t>160</t>
    <phoneticPr fontId="1"/>
  </si>
  <si>
    <t>大石学監修</t>
    <rPh sb="0" eb="2">
      <t>オオイシ</t>
    </rPh>
    <rPh sb="2" eb="3">
      <t>マナブ</t>
    </rPh>
    <rPh sb="3" eb="5">
      <t>カンシュウ</t>
    </rPh>
    <phoneticPr fontId="1"/>
  </si>
  <si>
    <t>290</t>
    <phoneticPr fontId="1"/>
  </si>
  <si>
    <t>世界から消えゆく場所</t>
    <rPh sb="0" eb="2">
      <t>セカイ</t>
    </rPh>
    <rPh sb="4" eb="5">
      <t>キ</t>
    </rPh>
    <rPh sb="8" eb="10">
      <t>バショ</t>
    </rPh>
    <phoneticPr fontId="1"/>
  </si>
  <si>
    <t>日経ナショナルジオグラフィック社</t>
    <rPh sb="0" eb="2">
      <t>ニッケイ</t>
    </rPh>
    <rPh sb="15" eb="16">
      <t>シャ</t>
    </rPh>
    <phoneticPr fontId="1"/>
  </si>
  <si>
    <t>はたらく細胞　ウイルスの教科書</t>
    <rPh sb="4" eb="6">
      <t>サイボウ</t>
    </rPh>
    <rPh sb="12" eb="15">
      <t>キョウカショ</t>
    </rPh>
    <phoneticPr fontId="1"/>
  </si>
  <si>
    <t>清水茜</t>
    <rPh sb="0" eb="2">
      <t>シミズ</t>
    </rPh>
    <rPh sb="2" eb="3">
      <t>アカネ</t>
    </rPh>
    <phoneticPr fontId="1"/>
  </si>
  <si>
    <t>491</t>
    <phoneticPr fontId="1"/>
  </si>
  <si>
    <t>480</t>
    <phoneticPr fontId="1"/>
  </si>
  <si>
    <t>生きものの持ちかた</t>
    <rPh sb="0" eb="1">
      <t>イ</t>
    </rPh>
    <rPh sb="5" eb="6">
      <t>モ</t>
    </rPh>
    <phoneticPr fontId="1"/>
  </si>
  <si>
    <t>松橋利光</t>
    <rPh sb="0" eb="2">
      <t>マツハシ</t>
    </rPh>
    <rPh sb="2" eb="3">
      <t>リ</t>
    </rPh>
    <rPh sb="3" eb="4">
      <t>ヒカリ</t>
    </rPh>
    <phoneticPr fontId="1"/>
  </si>
  <si>
    <t>大和書房</t>
    <rPh sb="0" eb="4">
      <t>ダイワショボウ</t>
    </rPh>
    <phoneticPr fontId="1"/>
  </si>
  <si>
    <t>刈屋大輔</t>
    <rPh sb="1" eb="2">
      <t>ヤ</t>
    </rPh>
    <phoneticPr fontId="1"/>
  </si>
  <si>
    <t>生田誠、岡田直監修</t>
    <rPh sb="4" eb="6">
      <t>オカダ</t>
    </rPh>
    <rPh sb="6" eb="7">
      <t>ナオ</t>
    </rPh>
    <phoneticPr fontId="1"/>
  </si>
  <si>
    <t>伊藤亜紗、渡邊淳司、林阿希子</t>
    <rPh sb="5" eb="7">
      <t>ワタナベ</t>
    </rPh>
    <rPh sb="7" eb="8">
      <t>ジュン</t>
    </rPh>
    <rPh sb="8" eb="9">
      <t>ツカサ</t>
    </rPh>
    <rPh sb="10" eb="11">
      <t>ハヤシ</t>
    </rPh>
    <rPh sb="11" eb="12">
      <t>ア</t>
    </rPh>
    <rPh sb="12" eb="14">
      <t>キコ</t>
    </rPh>
    <phoneticPr fontId="1"/>
  </si>
  <si>
    <t>倉橋秀男、河田英介</t>
    <rPh sb="0" eb="3">
      <t>クラハシヒデ</t>
    </rPh>
    <rPh sb="3" eb="4">
      <t>オトコ</t>
    </rPh>
    <rPh sb="5" eb="7">
      <t>カワダ</t>
    </rPh>
    <rPh sb="7" eb="8">
      <t>エイ</t>
    </rPh>
    <rPh sb="8" eb="9">
      <t>スケ</t>
    </rPh>
    <phoneticPr fontId="1"/>
  </si>
  <si>
    <t>トラビス・エルボラフ、マーティン・ブラウン</t>
    <phoneticPr fontId="1"/>
  </si>
  <si>
    <t>世界の美しい場所や貴重な建造物など、それにも関わらず消えてしまった場所、あるいは消えかけている場所がある。それらを地図や写真とともに解説。</t>
    <rPh sb="0" eb="2">
      <t>セカイ</t>
    </rPh>
    <rPh sb="3" eb="4">
      <t>ウツク</t>
    </rPh>
    <rPh sb="6" eb="8">
      <t>バショ</t>
    </rPh>
    <rPh sb="9" eb="11">
      <t>キチョウ</t>
    </rPh>
    <rPh sb="12" eb="15">
      <t>ケンゾウブツ</t>
    </rPh>
    <rPh sb="22" eb="23">
      <t>カカ</t>
    </rPh>
    <rPh sb="26" eb="27">
      <t>キ</t>
    </rPh>
    <rPh sb="33" eb="35">
      <t>バショ</t>
    </rPh>
    <rPh sb="40" eb="41">
      <t>キ</t>
    </rPh>
    <rPh sb="47" eb="49">
      <t>バショ</t>
    </rPh>
    <rPh sb="57" eb="59">
      <t>チズ</t>
    </rPh>
    <rPh sb="60" eb="62">
      <t>シャシン</t>
    </rPh>
    <rPh sb="66" eb="68">
      <t>カイセツ</t>
    </rPh>
    <phoneticPr fontId="1"/>
  </si>
  <si>
    <t>身近な虫から爬虫類や哺乳類といった様々な生きもの。その道のプロに聞く、それぞれの生きものの正しい持ち方を知ることで、生きものを無駄に傷つけず、人間もケガをすることなく触れ合うことができる。</t>
    <rPh sb="0" eb="2">
      <t>ミヂカ</t>
    </rPh>
    <rPh sb="3" eb="4">
      <t>ムシ</t>
    </rPh>
    <rPh sb="6" eb="9">
      <t>ハチュウルイ</t>
    </rPh>
    <rPh sb="10" eb="13">
      <t>ホニュウルイ</t>
    </rPh>
    <rPh sb="17" eb="19">
      <t>サマザマ</t>
    </rPh>
    <rPh sb="20" eb="21">
      <t>イ</t>
    </rPh>
    <rPh sb="27" eb="28">
      <t>ミチ</t>
    </rPh>
    <rPh sb="32" eb="33">
      <t>キ</t>
    </rPh>
    <rPh sb="40" eb="41">
      <t>イ</t>
    </rPh>
    <rPh sb="45" eb="46">
      <t>タダ</t>
    </rPh>
    <rPh sb="48" eb="49">
      <t>モ</t>
    </rPh>
    <rPh sb="50" eb="51">
      <t>カタ</t>
    </rPh>
    <rPh sb="52" eb="53">
      <t>シ</t>
    </rPh>
    <rPh sb="58" eb="59">
      <t>イ</t>
    </rPh>
    <rPh sb="63" eb="65">
      <t>ムダ</t>
    </rPh>
    <rPh sb="66" eb="67">
      <t>キズ</t>
    </rPh>
    <rPh sb="71" eb="73">
      <t>ニンゲン</t>
    </rPh>
    <rPh sb="83" eb="84">
      <t>フ</t>
    </rPh>
    <rPh sb="85" eb="86">
      <t>ア</t>
    </rPh>
    <phoneticPr fontId="1"/>
  </si>
  <si>
    <t>人気の体内細胞擬人化マンガ「はたらく細胞」で、ウイルスの基礎知識をわかりやすく解説。新型コロナウイルスについても紹介している。</t>
    <rPh sb="0" eb="2">
      <t>ニンキ</t>
    </rPh>
    <rPh sb="3" eb="5">
      <t>タイナイ</t>
    </rPh>
    <rPh sb="5" eb="7">
      <t>サイボウ</t>
    </rPh>
    <rPh sb="7" eb="10">
      <t>ギジンカ</t>
    </rPh>
    <rPh sb="18" eb="20">
      <t>サイボウ</t>
    </rPh>
    <rPh sb="28" eb="30">
      <t>キソ</t>
    </rPh>
    <rPh sb="30" eb="32">
      <t>チシキ</t>
    </rPh>
    <rPh sb="39" eb="41">
      <t>カイセツ</t>
    </rPh>
    <rPh sb="42" eb="44">
      <t>シンガタ</t>
    </rPh>
    <rPh sb="56" eb="58">
      <t>ショウカイ</t>
    </rPh>
    <phoneticPr fontId="1"/>
  </si>
  <si>
    <t>高等学校</t>
    <rPh sb="0" eb="2">
      <t>コウトウ</t>
    </rPh>
    <rPh sb="2" eb="3">
      <t>ガク</t>
    </rPh>
    <rPh sb="3" eb="4">
      <t>コウ</t>
    </rPh>
    <phoneticPr fontId="1"/>
  </si>
  <si>
    <t>日本の各地に伝説として残る鬼たち。中でも有名な鬼の伝説を加門七海が解説。エッセイ風なので、気軽に楽しく読むことができる。</t>
    <phoneticPr fontId="1"/>
  </si>
  <si>
    <t>視覚障害者にスポーツの臨場感を伝えるために、スポーツを翻訳するプロジェクトを立ち上げた人たちの姿とその成果。</t>
    <rPh sb="3" eb="4">
      <t>ガイ</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9" fillId="0" borderId="3" xfId="0" applyFont="1" applyFill="1" applyBorder="1" applyAlignment="1">
      <alignment vertical="center" wrapText="1"/>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3" fillId="5" borderId="0" xfId="0" applyFont="1" applyFill="1" applyBorder="1" applyAlignment="1">
      <alignment horizont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6"/>
  <sheetViews>
    <sheetView tabSelected="1" view="pageBreakPreview" topLeftCell="A20" zoomScaleNormal="100" zoomScaleSheetLayoutView="100" workbookViewId="0">
      <selection activeCell="I22" sqref="I22:K22"/>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36" t="s">
        <v>797</v>
      </c>
      <c r="D1" s="36"/>
      <c r="E1" s="36"/>
      <c r="F1" s="36"/>
      <c r="G1" s="36"/>
      <c r="H1" s="36"/>
      <c r="I1" s="36"/>
      <c r="J1" s="36"/>
      <c r="K1" s="4"/>
      <c r="L1" s="4"/>
    </row>
    <row r="2" spans="1:12" ht="18" customHeight="1">
      <c r="A2" s="7"/>
      <c r="B2" s="8"/>
      <c r="C2" s="9"/>
      <c r="D2" s="9"/>
      <c r="E2" s="9"/>
      <c r="F2" s="9"/>
      <c r="G2" s="9"/>
      <c r="H2" s="7"/>
      <c r="I2" s="7"/>
      <c r="J2" s="7"/>
      <c r="K2" s="7"/>
      <c r="L2" s="7"/>
    </row>
    <row r="3" spans="1:12" ht="35.1" customHeight="1">
      <c r="A3" s="7"/>
      <c r="B3" s="14" t="s">
        <v>5</v>
      </c>
      <c r="C3" s="25" t="s">
        <v>799</v>
      </c>
      <c r="D3" s="25"/>
      <c r="E3" s="26" t="s">
        <v>885</v>
      </c>
      <c r="F3" s="26"/>
      <c r="G3" s="27" t="s">
        <v>796</v>
      </c>
      <c r="H3" s="28"/>
      <c r="I3" s="18"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20" t="s">
        <v>857</v>
      </c>
      <c r="C6" s="21"/>
      <c r="D6" s="21"/>
      <c r="E6" s="21"/>
      <c r="F6" s="21"/>
      <c r="G6" s="21"/>
      <c r="H6" s="21"/>
      <c r="I6" s="21"/>
      <c r="J6" s="21"/>
      <c r="K6" s="22"/>
      <c r="L6" s="7"/>
    </row>
    <row r="7" spans="1:12">
      <c r="A7" s="7"/>
      <c r="B7" s="11"/>
      <c r="C7" s="7"/>
      <c r="D7" s="7"/>
      <c r="E7" s="12"/>
      <c r="F7" s="7"/>
      <c r="G7" s="7"/>
      <c r="H7" s="7"/>
      <c r="I7" s="7"/>
      <c r="J7" s="7"/>
      <c r="K7" s="7"/>
      <c r="L7" s="7"/>
    </row>
    <row r="8" spans="1:12" ht="54.75" customHeight="1" thickBot="1">
      <c r="A8" s="7"/>
      <c r="B8" s="15" t="s">
        <v>3</v>
      </c>
      <c r="C8" s="29" t="s">
        <v>0</v>
      </c>
      <c r="D8" s="29"/>
      <c r="E8" s="29" t="s">
        <v>2</v>
      </c>
      <c r="F8" s="29"/>
      <c r="G8" s="29" t="s">
        <v>1</v>
      </c>
      <c r="H8" s="29"/>
      <c r="I8" s="30" t="s">
        <v>4</v>
      </c>
      <c r="J8" s="31"/>
      <c r="K8" s="32"/>
      <c r="L8" s="7"/>
    </row>
    <row r="9" spans="1:12" ht="30" customHeight="1" thickTop="1">
      <c r="A9" s="13">
        <v>1</v>
      </c>
      <c r="B9" s="16" t="s">
        <v>800</v>
      </c>
      <c r="C9" s="33" t="s">
        <v>804</v>
      </c>
      <c r="D9" s="33"/>
      <c r="E9" s="33" t="s">
        <v>805</v>
      </c>
      <c r="F9" s="33"/>
      <c r="G9" s="33" t="s">
        <v>806</v>
      </c>
      <c r="H9" s="33"/>
      <c r="I9" s="34" t="s">
        <v>807</v>
      </c>
      <c r="J9" s="34"/>
      <c r="K9" s="35"/>
      <c r="L9" s="7"/>
    </row>
    <row r="10" spans="1:12" ht="38.25" customHeight="1">
      <c r="A10" s="13">
        <v>2</v>
      </c>
      <c r="B10" s="17" t="s">
        <v>865</v>
      </c>
      <c r="C10" s="19" t="s">
        <v>801</v>
      </c>
      <c r="D10" s="19"/>
      <c r="E10" s="19" t="s">
        <v>802</v>
      </c>
      <c r="F10" s="19"/>
      <c r="G10" s="19" t="s">
        <v>803</v>
      </c>
      <c r="H10" s="19"/>
      <c r="I10" s="23" t="s">
        <v>859</v>
      </c>
      <c r="J10" s="23"/>
      <c r="K10" s="24"/>
      <c r="L10" s="7"/>
    </row>
    <row r="11" spans="1:12" ht="36" customHeight="1">
      <c r="A11" s="13">
        <v>3</v>
      </c>
      <c r="B11" s="17" t="s">
        <v>848</v>
      </c>
      <c r="C11" s="19" t="s">
        <v>860</v>
      </c>
      <c r="D11" s="19"/>
      <c r="E11" s="19" t="s">
        <v>866</v>
      </c>
      <c r="F11" s="19"/>
      <c r="G11" s="19" t="s">
        <v>861</v>
      </c>
      <c r="H11" s="19"/>
      <c r="I11" s="23" t="s">
        <v>862</v>
      </c>
      <c r="J11" s="23"/>
      <c r="K11" s="24"/>
      <c r="L11" s="7"/>
    </row>
    <row r="12" spans="1:12" ht="49.5" customHeight="1">
      <c r="A12" s="13">
        <v>4</v>
      </c>
      <c r="B12" s="17" t="s">
        <v>867</v>
      </c>
      <c r="C12" s="19" t="s">
        <v>868</v>
      </c>
      <c r="D12" s="19"/>
      <c r="E12" s="19" t="s">
        <v>881</v>
      </c>
      <c r="F12" s="19"/>
      <c r="G12" s="19" t="s">
        <v>869</v>
      </c>
      <c r="H12" s="19"/>
      <c r="I12" s="23" t="s">
        <v>882</v>
      </c>
      <c r="J12" s="23"/>
      <c r="K12" s="24"/>
      <c r="L12" s="7"/>
    </row>
    <row r="13" spans="1:12" ht="37.5" customHeight="1">
      <c r="A13" s="13">
        <v>5</v>
      </c>
      <c r="B13" s="17" t="s">
        <v>846</v>
      </c>
      <c r="C13" s="19" t="s">
        <v>842</v>
      </c>
      <c r="D13" s="19"/>
      <c r="E13" s="19" t="s">
        <v>843</v>
      </c>
      <c r="F13" s="19"/>
      <c r="G13" s="19" t="s">
        <v>844</v>
      </c>
      <c r="H13" s="19"/>
      <c r="I13" s="23" t="s">
        <v>847</v>
      </c>
      <c r="J13" s="23"/>
      <c r="K13" s="24"/>
      <c r="L13" s="7"/>
    </row>
    <row r="14" spans="1:12" ht="44.25" customHeight="1">
      <c r="A14" s="13">
        <v>6</v>
      </c>
      <c r="B14" s="17" t="s">
        <v>839</v>
      </c>
      <c r="C14" s="19" t="s">
        <v>840</v>
      </c>
      <c r="D14" s="19"/>
      <c r="E14" s="19" t="s">
        <v>841</v>
      </c>
      <c r="F14" s="19"/>
      <c r="G14" s="19" t="s">
        <v>812</v>
      </c>
      <c r="H14" s="19"/>
      <c r="I14" s="23" t="s">
        <v>886</v>
      </c>
      <c r="J14" s="23"/>
      <c r="K14" s="24"/>
      <c r="L14" s="7"/>
    </row>
    <row r="15" spans="1:12" ht="58.5" customHeight="1">
      <c r="A15" s="13">
        <v>7</v>
      </c>
      <c r="B15" s="17" t="s">
        <v>873</v>
      </c>
      <c r="C15" s="19" t="s">
        <v>874</v>
      </c>
      <c r="D15" s="19"/>
      <c r="E15" s="19" t="s">
        <v>875</v>
      </c>
      <c r="F15" s="19"/>
      <c r="G15" s="19" t="s">
        <v>876</v>
      </c>
      <c r="H15" s="19"/>
      <c r="I15" s="23" t="s">
        <v>883</v>
      </c>
      <c r="J15" s="23"/>
      <c r="K15" s="24"/>
      <c r="L15" s="7"/>
    </row>
    <row r="16" spans="1:12" ht="40.5" customHeight="1">
      <c r="A16" s="13">
        <v>8</v>
      </c>
      <c r="B16" s="17" t="s">
        <v>872</v>
      </c>
      <c r="C16" s="19" t="s">
        <v>870</v>
      </c>
      <c r="D16" s="19"/>
      <c r="E16" s="19" t="s">
        <v>871</v>
      </c>
      <c r="F16" s="19"/>
      <c r="G16" s="19" t="s">
        <v>811</v>
      </c>
      <c r="H16" s="19"/>
      <c r="I16" s="23" t="s">
        <v>884</v>
      </c>
      <c r="J16" s="23"/>
      <c r="K16" s="24"/>
      <c r="L16" s="7"/>
    </row>
    <row r="17" spans="1:12" ht="30" customHeight="1">
      <c r="A17" s="13">
        <v>9</v>
      </c>
      <c r="B17" s="17" t="s">
        <v>814</v>
      </c>
      <c r="C17" s="19" t="s">
        <v>815</v>
      </c>
      <c r="D17" s="19"/>
      <c r="E17" s="19" t="s">
        <v>816</v>
      </c>
      <c r="F17" s="19"/>
      <c r="G17" s="19" t="s">
        <v>844</v>
      </c>
      <c r="H17" s="19"/>
      <c r="I17" s="23" t="s">
        <v>817</v>
      </c>
      <c r="J17" s="23"/>
      <c r="K17" s="24"/>
      <c r="L17" s="7"/>
    </row>
    <row r="18" spans="1:12" ht="45.75" customHeight="1">
      <c r="A18" s="13">
        <v>10</v>
      </c>
      <c r="B18" s="17" t="s">
        <v>837</v>
      </c>
      <c r="C18" s="19" t="s">
        <v>833</v>
      </c>
      <c r="D18" s="19"/>
      <c r="E18" s="19" t="s">
        <v>877</v>
      </c>
      <c r="F18" s="19"/>
      <c r="G18" s="19" t="s">
        <v>812</v>
      </c>
      <c r="H18" s="19"/>
      <c r="I18" s="23" t="s">
        <v>838</v>
      </c>
      <c r="J18" s="23"/>
      <c r="K18" s="24"/>
      <c r="L18" s="7"/>
    </row>
    <row r="19" spans="1:12" ht="39" customHeight="1">
      <c r="A19" s="13">
        <v>11</v>
      </c>
      <c r="B19" s="17" t="s">
        <v>813</v>
      </c>
      <c r="C19" s="19" t="s">
        <v>830</v>
      </c>
      <c r="D19" s="19"/>
      <c r="E19" s="19" t="s">
        <v>878</v>
      </c>
      <c r="F19" s="19"/>
      <c r="G19" s="19" t="s">
        <v>831</v>
      </c>
      <c r="H19" s="19"/>
      <c r="I19" s="23" t="s">
        <v>832</v>
      </c>
      <c r="J19" s="23"/>
      <c r="K19" s="24"/>
      <c r="L19" s="7"/>
    </row>
    <row r="20" spans="1:12" ht="37.5" customHeight="1">
      <c r="A20" s="13">
        <v>12</v>
      </c>
      <c r="B20" s="17" t="s">
        <v>853</v>
      </c>
      <c r="C20" s="19" t="s">
        <v>854</v>
      </c>
      <c r="D20" s="19"/>
      <c r="E20" s="19" t="s">
        <v>855</v>
      </c>
      <c r="F20" s="19"/>
      <c r="G20" s="19" t="s">
        <v>856</v>
      </c>
      <c r="H20" s="19"/>
      <c r="I20" s="23" t="s">
        <v>863</v>
      </c>
      <c r="J20" s="23"/>
      <c r="K20" s="24"/>
      <c r="L20" s="7"/>
    </row>
    <row r="21" spans="1:12" ht="39" customHeight="1">
      <c r="A21" s="13">
        <v>13</v>
      </c>
      <c r="B21" s="17" t="s">
        <v>823</v>
      </c>
      <c r="C21" s="19" t="s">
        <v>824</v>
      </c>
      <c r="D21" s="19"/>
      <c r="E21" s="19" t="s">
        <v>879</v>
      </c>
      <c r="F21" s="19"/>
      <c r="G21" s="19" t="s">
        <v>825</v>
      </c>
      <c r="H21" s="19"/>
      <c r="I21" s="23" t="s">
        <v>887</v>
      </c>
      <c r="J21" s="23"/>
      <c r="K21" s="24"/>
      <c r="L21" s="7"/>
    </row>
    <row r="22" spans="1:12" ht="30" customHeight="1">
      <c r="A22" s="13">
        <v>14</v>
      </c>
      <c r="B22" s="17" t="s">
        <v>849</v>
      </c>
      <c r="C22" s="19" t="s">
        <v>850</v>
      </c>
      <c r="D22" s="19"/>
      <c r="E22" s="19" t="s">
        <v>851</v>
      </c>
      <c r="F22" s="19"/>
      <c r="G22" s="19" t="s">
        <v>852</v>
      </c>
      <c r="H22" s="19"/>
      <c r="I22" s="23" t="s">
        <v>864</v>
      </c>
      <c r="J22" s="23"/>
      <c r="K22" s="24"/>
      <c r="L22" s="7"/>
    </row>
    <row r="23" spans="1:12" ht="30" customHeight="1">
      <c r="A23" s="13">
        <v>15</v>
      </c>
      <c r="B23" s="17" t="s">
        <v>808</v>
      </c>
      <c r="C23" s="19" t="s">
        <v>820</v>
      </c>
      <c r="D23" s="19"/>
      <c r="E23" s="19" t="s">
        <v>880</v>
      </c>
      <c r="F23" s="19"/>
      <c r="G23" s="19" t="s">
        <v>821</v>
      </c>
      <c r="H23" s="19"/>
      <c r="I23" s="23" t="s">
        <v>822</v>
      </c>
      <c r="J23" s="23"/>
      <c r="K23" s="24"/>
      <c r="L23" s="7"/>
    </row>
    <row r="24" spans="1:12" ht="39" customHeight="1">
      <c r="A24" s="13">
        <v>16</v>
      </c>
      <c r="B24" s="17" t="s">
        <v>826</v>
      </c>
      <c r="C24" s="19" t="s">
        <v>845</v>
      </c>
      <c r="D24" s="19"/>
      <c r="E24" s="19" t="s">
        <v>828</v>
      </c>
      <c r="F24" s="19"/>
      <c r="G24" s="19" t="s">
        <v>827</v>
      </c>
      <c r="H24" s="19"/>
      <c r="I24" s="23" t="s">
        <v>829</v>
      </c>
      <c r="J24" s="23"/>
      <c r="K24" s="24"/>
      <c r="L24" s="7"/>
    </row>
    <row r="25" spans="1:12" ht="48.75" customHeight="1">
      <c r="A25" s="13">
        <v>17</v>
      </c>
      <c r="B25" s="17" t="s">
        <v>809</v>
      </c>
      <c r="C25" s="19" t="s">
        <v>810</v>
      </c>
      <c r="D25" s="19"/>
      <c r="E25" s="19" t="s">
        <v>818</v>
      </c>
      <c r="F25" s="19"/>
      <c r="G25" s="19" t="s">
        <v>811</v>
      </c>
      <c r="H25" s="19"/>
      <c r="I25" s="23" t="s">
        <v>819</v>
      </c>
      <c r="J25" s="23"/>
      <c r="K25" s="24"/>
      <c r="L25" s="7"/>
    </row>
    <row r="26" spans="1:12" ht="47.25" customHeight="1">
      <c r="A26" s="13">
        <v>18</v>
      </c>
      <c r="B26" s="17" t="s">
        <v>809</v>
      </c>
      <c r="C26" s="19" t="s">
        <v>834</v>
      </c>
      <c r="D26" s="19"/>
      <c r="E26" s="19" t="s">
        <v>835</v>
      </c>
      <c r="F26" s="19"/>
      <c r="G26" s="19" t="s">
        <v>836</v>
      </c>
      <c r="H26" s="19"/>
      <c r="I26" s="23" t="s">
        <v>858</v>
      </c>
      <c r="J26" s="23"/>
      <c r="K26" s="24"/>
      <c r="L26" s="7"/>
    </row>
  </sheetData>
  <mergeCells count="81">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 ref="I11:K11"/>
    <mergeCell ref="I14:K14"/>
    <mergeCell ref="C12:D12"/>
    <mergeCell ref="E12:F12"/>
    <mergeCell ref="G12:H12"/>
    <mergeCell ref="I12:K12"/>
    <mergeCell ref="C13:D13"/>
    <mergeCell ref="E13:F13"/>
    <mergeCell ref="G13:H13"/>
    <mergeCell ref="I13:K13"/>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C3:D3"/>
    <mergeCell ref="E3:F3"/>
    <mergeCell ref="G3:H3"/>
    <mergeCell ref="C19:D19"/>
    <mergeCell ref="E19:F19"/>
    <mergeCell ref="G19:H19"/>
    <mergeCell ref="C8:D8"/>
    <mergeCell ref="E8:F8"/>
    <mergeCell ref="G8:H8"/>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s>
  <phoneticPr fontId="1"/>
  <dataValidations count="1">
    <dataValidation imeMode="hiragana" allowBlank="1" showInputMessage="1" showErrorMessage="1" sqref="B6"/>
  </dataValidations>
  <pageMargins left="0.7" right="0.7" top="0.75" bottom="0.75" header="0.3" footer="0.3"/>
  <pageSetup paperSize="9" scale="8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3-02T04:53:30Z</cp:lastPrinted>
  <dcterms:created xsi:type="dcterms:W3CDTF">2004-01-30T10:40:15Z</dcterms:created>
  <dcterms:modified xsi:type="dcterms:W3CDTF">2021-08-18T01:35:38Z</dcterms:modified>
</cp:coreProperties>
</file>